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7\Desktop\"/>
    </mc:Choice>
  </mc:AlternateContent>
  <xr:revisionPtr revIDLastSave="0" documentId="8_{CD2A7AAB-C179-4B73-9F86-9278E73EE9F3}" xr6:coauthVersionLast="45" xr6:coauthVersionMax="45" xr10:uidLastSave="{00000000-0000-0000-0000-000000000000}"/>
  <bookViews>
    <workbookView xWindow="28680" yWindow="-120" windowWidth="29040" windowHeight="15840" xr2:uid="{9A085A2E-61E8-43FA-9C75-650E671FE02B}"/>
  </bookViews>
  <sheets>
    <sheet name="2 РзПр 2026-2028" sheetId="1" r:id="rId1"/>
  </sheets>
  <definedNames>
    <definedName name="_xlnm._FilterDatabase" localSheetId="0" hidden="1">'2 РзПр 2026-2028'!$A$10:$F$1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52" uniqueCount="73">
  <si>
    <t/>
  </si>
  <si>
    <t>ВСЕГО РАСХОДОВ</t>
  </si>
  <si>
    <t>УСЛОВНО УТВЕРЖДЕННЫЕ РАСХОДЫ</t>
  </si>
  <si>
    <t>03</t>
  </si>
  <si>
    <t>14</t>
  </si>
  <si>
    <t>Прочие межбюджетные трансферты общего характера</t>
  </si>
  <si>
    <t>01</t>
  </si>
  <si>
    <t>Дотации на выравнивание бюджетной обеспеченности субъектов Российской Федерации и муниципальных образований</t>
  </si>
  <si>
    <t>МЕЖБЮДЖЕТНЫЕ ТРАНСФЕРТЫ ОБЩЕГО ХАРАКТЕРА БЮДЖЕТАМ БЮДЖЕТНОЙ СИСТЕМЫ РОССИЙСКОЙ ФЕДЕРАЦИИ</t>
  </si>
  <si>
    <t>13</t>
  </si>
  <si>
    <t>Обслуживание государственного (муниципального) внутреннего долга</t>
  </si>
  <si>
    <t>ОБСЛУЖИВАНИЕ ГОСУДАРСТВЕННОГО (МУНИЦИПАЛЬНОГО) ДОЛГА</t>
  </si>
  <si>
    <t>05</t>
  </si>
  <si>
    <t>11</t>
  </si>
  <si>
    <t>Другие вопросы в области физической культуры и спорта</t>
  </si>
  <si>
    <t>Спорт высших достижений</t>
  </si>
  <si>
    <t>Физическая культура</t>
  </si>
  <si>
    <t>ФИЗИЧЕСКАЯ КУЛЬТУРА И СПОРТ</t>
  </si>
  <si>
    <t>04</t>
  </si>
  <si>
    <t>10</t>
  </si>
  <si>
    <t>Охрана семьи и детства</t>
  </si>
  <si>
    <t>Социальное обеспечение населения</t>
  </si>
  <si>
    <t>Пенсионное обеспечение</t>
  </si>
  <si>
    <t>СОЦИАЛЬНАЯ ПОЛИТИКА</t>
  </si>
  <si>
    <t>08</t>
  </si>
  <si>
    <t>Другие вопросы в области культуры, кинематографии</t>
  </si>
  <si>
    <t>Культура</t>
  </si>
  <si>
    <t>КУЛЬТУРА, КИНЕМАТОГРАФИЯ</t>
  </si>
  <si>
    <t>09</t>
  </si>
  <si>
    <t>07</t>
  </si>
  <si>
    <t>Другие вопросы в области образования</t>
  </si>
  <si>
    <t>Дополнительное образование детей</t>
  </si>
  <si>
    <t>02</t>
  </si>
  <si>
    <t>Общее образование</t>
  </si>
  <si>
    <t>Дошкольное образование</t>
  </si>
  <si>
    <t>ОБРАЗОВАНИЕ</t>
  </si>
  <si>
    <t>Благоустройство</t>
  </si>
  <si>
    <t>Жилищное хозяйство</t>
  </si>
  <si>
    <t>ЖИЛИЩНО-КОММУНАЛЬНОЕ ХОЗЯЙСТВО</t>
  </si>
  <si>
    <t>12</t>
  </si>
  <si>
    <t>Другие вопросы в области национальной экономики</t>
  </si>
  <si>
    <t>Дорожное хозяйство (дорожные фонды)</t>
  </si>
  <si>
    <t>Транспорт</t>
  </si>
  <si>
    <t>Сельское хозяйство и рыболовство</t>
  </si>
  <si>
    <t>НАЦИОНАЛЬНАЯ ЭКОНОМИКА</t>
  </si>
  <si>
    <t>Другие вопросы в области национальной безопасности и правоохранительной деятельности</t>
  </si>
  <si>
    <t>Защита населения и территории от чрезвычайных ситуаций природного и техногенного характера, пожарная безопасность</t>
  </si>
  <si>
    <t>Гражданская оборона</t>
  </si>
  <si>
    <t>НАЦИОНАЛЬНАЯ БЕЗОПАСНОСТЬ И ПРАВООХРАНИТЕЛЬНАЯ ДЕЯТЕЛЬНОСТЬ</t>
  </si>
  <si>
    <t>Другие общегосударственные вопросы</t>
  </si>
  <si>
    <t>Резервные фонды</t>
  </si>
  <si>
    <t>06</t>
  </si>
  <si>
    <t>Обеспечение деятельности финансовых, налоговых и таможенных органов и органов финансового (финансово-бюджетного) надзора</t>
  </si>
  <si>
    <t>Функционирование Правительства Российской Федерации, высших исполнительных органов субъектов Российской Федерации, местных администраций</t>
  </si>
  <si>
    <t>Функционирование законодательных (представительных) органов государственной власти и представительных органов муниципальных образований</t>
  </si>
  <si>
    <t>Функционирование высшего должностного лица субъекта Российской Федерации и муниципального образования</t>
  </si>
  <si>
    <t>ОБЩЕГОСУДАРСТВЕННЫЕ ВОПРОСЫ</t>
  </si>
  <si>
    <t>3</t>
  </si>
  <si>
    <t>2</t>
  </si>
  <si>
    <t>1</t>
  </si>
  <si>
    <t>2028 год</t>
  </si>
  <si>
    <t>2027 год</t>
  </si>
  <si>
    <t>2026 год</t>
  </si>
  <si>
    <t>Сумма (рублей)</t>
  </si>
  <si>
    <t>ПР</t>
  </si>
  <si>
    <t>РЗ</t>
  </si>
  <si>
    <t>Статья расходов</t>
  </si>
  <si>
    <t xml:space="preserve">Распределение  бюджетных ассигнований по разделам, подразделам классификации расходов бюджетов на 2026 год и плановый период 2027 и 2028 годов </t>
  </si>
  <si>
    <t>от   2024 года № VII-</t>
  </si>
  <si>
    <t>"Корткеросский"</t>
  </si>
  <si>
    <t>муниципального района</t>
  </si>
  <si>
    <t xml:space="preserve">к решению Совета </t>
  </si>
  <si>
    <t>Приложение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_-* #,##0.00\ _₽_-;\-* #,##0.00\ _₽_-;_-* &quot;-&quot;??\ _₽_-;_-@_-"/>
    <numFmt numFmtId="165" formatCode="_-* #,##0.00_р_._-;\-* #,##0.00_р_._-;_-* &quot;-&quot;??_р_._-;_-@_-"/>
    <numFmt numFmtId="166" formatCode="#,##0.0"/>
  </numFmts>
  <fonts count="12" x14ac:knownFonts="1">
    <font>
      <sz val="10"/>
      <name val="Arial Cyr"/>
      <charset val="204"/>
    </font>
    <font>
      <sz val="10"/>
      <name val="Arial Cyr"/>
      <charset val="204"/>
    </font>
    <font>
      <sz val="12"/>
      <color rgb="FFFF0000"/>
      <name val="Times New Roman"/>
      <family val="1"/>
      <charset val="204"/>
    </font>
    <font>
      <sz val="10"/>
      <color rgb="FFFF0000"/>
      <name val="Times New Roman"/>
      <family val="1"/>
      <charset val="204"/>
    </font>
    <font>
      <sz val="12"/>
      <name val="Times New Roman"/>
      <family val="1"/>
      <charset val="204"/>
    </font>
    <font>
      <b/>
      <sz val="12"/>
      <name val="Times New Roman"/>
      <family val="1"/>
      <charset val="204"/>
    </font>
    <font>
      <sz val="12"/>
      <color rgb="FF000000"/>
      <name val="Times New Roman"/>
      <family val="1"/>
      <charset val="204"/>
    </font>
    <font>
      <b/>
      <sz val="12"/>
      <color rgb="FF000000"/>
      <name val="Times New Roman"/>
      <family val="1"/>
      <charset val="204"/>
    </font>
    <font>
      <b/>
      <sz val="14"/>
      <name val="Times New Roman"/>
      <family val="1"/>
      <charset val="204"/>
    </font>
    <font>
      <sz val="10"/>
      <color rgb="FFFF0000"/>
      <name val="Arial"/>
      <family val="2"/>
      <charset val="204"/>
    </font>
    <font>
      <sz val="10"/>
      <name val="Arial"/>
      <family val="2"/>
      <charset val="204"/>
    </font>
    <font>
      <sz val="10"/>
      <name val="Times New Roman"/>
      <family val="1"/>
      <charset val="204"/>
    </font>
  </fonts>
  <fills count="4">
    <fill>
      <patternFill patternType="none"/>
    </fill>
    <fill>
      <patternFill patternType="gray125"/>
    </fill>
    <fill>
      <patternFill patternType="solid">
        <fgColor rgb="FFFFFFFF"/>
        <bgColor rgb="FFFFFFFF"/>
      </patternFill>
    </fill>
    <fill>
      <patternFill patternType="solid">
        <fgColor theme="0"/>
        <bgColor indexed="64"/>
      </patternFill>
    </fill>
  </fills>
  <borders count="21">
    <border>
      <left/>
      <right/>
      <top/>
      <bottom/>
      <diagonal/>
    </border>
    <border>
      <left style="thin">
        <color rgb="FF000000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rgb="FF000000"/>
      </left>
      <right style="thin">
        <color rgb="FF000000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rgb="FF000000"/>
      </right>
      <top style="medium">
        <color indexed="64"/>
      </top>
      <bottom style="medium">
        <color indexed="64"/>
      </bottom>
      <diagonal/>
    </border>
    <border>
      <left style="thin">
        <color rgb="FF000000"/>
      </left>
      <right style="medium">
        <color indexed="64"/>
      </right>
      <top style="thin">
        <color rgb="FF000000"/>
      </top>
      <bottom style="medium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rgb="FF000000"/>
      </left>
      <right style="medium">
        <color indexed="64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indexed="64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indexed="64"/>
      </right>
      <top style="medium">
        <color indexed="64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medium">
        <color indexed="64"/>
      </top>
      <bottom style="thin">
        <color rgb="FF000000"/>
      </bottom>
      <diagonal/>
    </border>
    <border>
      <left style="medium">
        <color indexed="64"/>
      </left>
      <right style="thin">
        <color rgb="FF000000"/>
      </right>
      <top style="medium">
        <color indexed="64"/>
      </top>
      <bottom style="thin">
        <color rgb="FF000000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</borders>
  <cellStyleXfs count="2">
    <xf numFmtId="0" fontId="0" fillId="0" borderId="0"/>
    <xf numFmtId="165" fontId="1" fillId="0" borderId="0" applyFont="0" applyFill="0" applyBorder="0" applyAlignment="0" applyProtection="0"/>
  </cellStyleXfs>
  <cellXfs count="48">
    <xf numFmtId="0" fontId="0" fillId="0" borderId="0" xfId="0"/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164" fontId="2" fillId="0" borderId="0" xfId="0" applyNumberFormat="1" applyFont="1" applyAlignment="1">
      <alignment vertical="center" wrapText="1"/>
    </xf>
    <xf numFmtId="165" fontId="2" fillId="0" borderId="0" xfId="1" applyFont="1" applyFill="1" applyAlignment="1">
      <alignment vertical="center" wrapText="1"/>
    </xf>
    <xf numFmtId="165" fontId="3" fillId="0" borderId="0" xfId="0" applyNumberFormat="1" applyFont="1" applyAlignment="1">
      <alignment horizontal="right" vertical="center"/>
    </xf>
    <xf numFmtId="165" fontId="3" fillId="0" borderId="0" xfId="1" applyFont="1" applyFill="1" applyAlignment="1">
      <alignment horizontal="center" vertical="center"/>
    </xf>
    <xf numFmtId="0" fontId="4" fillId="0" borderId="0" xfId="0" applyFont="1" applyAlignment="1">
      <alignment vertical="center" wrapText="1"/>
    </xf>
    <xf numFmtId="4" fontId="5" fillId="2" borderId="1" xfId="0" applyNumberFormat="1" applyFont="1" applyFill="1" applyBorder="1" applyAlignment="1">
      <alignment horizontal="right" vertical="center" wrapText="1"/>
    </xf>
    <xf numFmtId="4" fontId="5" fillId="2" borderId="2" xfId="0" applyNumberFormat="1" applyFont="1" applyFill="1" applyBorder="1" applyAlignment="1">
      <alignment horizontal="right" vertical="center" wrapText="1"/>
    </xf>
    <xf numFmtId="0" fontId="5" fillId="2" borderId="2" xfId="0" applyFont="1" applyFill="1" applyBorder="1" applyAlignment="1">
      <alignment horizontal="center" vertical="top" wrapText="1"/>
    </xf>
    <xf numFmtId="0" fontId="5" fillId="2" borderId="3" xfId="0" applyFont="1" applyFill="1" applyBorder="1" applyAlignment="1">
      <alignment horizontal="left" vertical="top" wrapText="1"/>
    </xf>
    <xf numFmtId="4" fontId="5" fillId="0" borderId="4" xfId="0" applyNumberFormat="1" applyFont="1" applyBorder="1" applyAlignment="1">
      <alignment horizontal="right" vertical="center" wrapText="1"/>
    </xf>
    <xf numFmtId="4" fontId="5" fillId="0" borderId="5" xfId="0" applyNumberFormat="1" applyFont="1" applyBorder="1" applyAlignment="1">
      <alignment horizontal="right" vertical="center" wrapText="1"/>
    </xf>
    <xf numFmtId="0" fontId="5" fillId="2" borderId="5" xfId="0" applyFont="1" applyFill="1" applyBorder="1" applyAlignment="1">
      <alignment horizontal="center" vertical="center" wrapText="1"/>
    </xf>
    <xf numFmtId="0" fontId="5" fillId="0" borderId="6" xfId="0" applyFont="1" applyBorder="1" applyAlignment="1">
      <alignment vertical="top" wrapText="1"/>
    </xf>
    <xf numFmtId="0" fontId="2" fillId="3" borderId="0" xfId="0" applyFont="1" applyFill="1" applyAlignment="1">
      <alignment vertical="center" wrapText="1"/>
    </xf>
    <xf numFmtId="4" fontId="6" fillId="2" borderId="7" xfId="0" applyNumberFormat="1" applyFont="1" applyFill="1" applyBorder="1" applyAlignment="1">
      <alignment horizontal="right" vertical="center" wrapText="1"/>
    </xf>
    <xf numFmtId="4" fontId="6" fillId="2" borderId="8" xfId="0" applyNumberFormat="1" applyFont="1" applyFill="1" applyBorder="1" applyAlignment="1">
      <alignment horizontal="right" vertical="center" wrapText="1"/>
    </xf>
    <xf numFmtId="0" fontId="6" fillId="2" borderId="8" xfId="0" applyFont="1" applyFill="1" applyBorder="1" applyAlignment="1">
      <alignment horizontal="center" vertical="center" wrapText="1"/>
    </xf>
    <xf numFmtId="0" fontId="6" fillId="2" borderId="9" xfId="0" applyFont="1" applyFill="1" applyBorder="1" applyAlignment="1">
      <alignment vertical="center" wrapText="1"/>
    </xf>
    <xf numFmtId="4" fontId="7" fillId="2" borderId="7" xfId="0" applyNumberFormat="1" applyFont="1" applyFill="1" applyBorder="1" applyAlignment="1">
      <alignment horizontal="right" vertical="center" wrapText="1"/>
    </xf>
    <xf numFmtId="4" fontId="7" fillId="2" borderId="8" xfId="0" applyNumberFormat="1" applyFont="1" applyFill="1" applyBorder="1" applyAlignment="1">
      <alignment horizontal="right" vertical="center" wrapText="1"/>
    </xf>
    <xf numFmtId="0" fontId="7" fillId="2" borderId="8" xfId="0" applyFont="1" applyFill="1" applyBorder="1" applyAlignment="1">
      <alignment horizontal="center" vertical="center" wrapText="1"/>
    </xf>
    <xf numFmtId="0" fontId="7" fillId="2" borderId="9" xfId="0" applyFont="1" applyFill="1" applyBorder="1" applyAlignment="1">
      <alignment vertical="center" wrapText="1"/>
    </xf>
    <xf numFmtId="4" fontId="7" fillId="2" borderId="10" xfId="0" applyNumberFormat="1" applyFont="1" applyFill="1" applyBorder="1" applyAlignment="1">
      <alignment horizontal="right" vertical="center" wrapText="1"/>
    </xf>
    <xf numFmtId="4" fontId="7" fillId="2" borderId="11" xfId="0" applyNumberFormat="1" applyFont="1" applyFill="1" applyBorder="1" applyAlignment="1">
      <alignment horizontal="right" vertical="center" wrapText="1"/>
    </xf>
    <xf numFmtId="0" fontId="7" fillId="2" borderId="11" xfId="0" applyFont="1" applyFill="1" applyBorder="1" applyAlignment="1">
      <alignment horizontal="center" vertical="center" wrapText="1"/>
    </xf>
    <xf numFmtId="0" fontId="7" fillId="2" borderId="12" xfId="0" applyFont="1" applyFill="1" applyBorder="1" applyAlignment="1">
      <alignment vertical="center" wrapText="1"/>
    </xf>
    <xf numFmtId="0" fontId="3" fillId="0" borderId="0" xfId="0" applyFont="1" applyAlignment="1">
      <alignment horizontal="center" vertical="center" wrapText="1"/>
    </xf>
    <xf numFmtId="0" fontId="5" fillId="2" borderId="1" xfId="0" applyFont="1" applyFill="1" applyBorder="1" applyAlignment="1">
      <alignment horizontal="center" vertical="center" wrapText="1"/>
    </xf>
    <xf numFmtId="0" fontId="5" fillId="2" borderId="2" xfId="0" applyFont="1" applyFill="1" applyBorder="1" applyAlignment="1">
      <alignment horizontal="center" vertical="center" wrapText="1"/>
    </xf>
    <xf numFmtId="0" fontId="5" fillId="2" borderId="3" xfId="0" applyFont="1" applyFill="1" applyBorder="1" applyAlignment="1">
      <alignment horizontal="center" vertical="center" wrapText="1"/>
    </xf>
    <xf numFmtId="166" fontId="5" fillId="3" borderId="13" xfId="0" applyNumberFormat="1" applyFont="1" applyFill="1" applyBorder="1" applyAlignment="1">
      <alignment horizontal="center" vertical="center" wrapText="1"/>
    </xf>
    <xf numFmtId="166" fontId="5" fillId="3" borderId="14" xfId="0" applyNumberFormat="1" applyFont="1" applyFill="1" applyBorder="1" applyAlignment="1">
      <alignment horizontal="center" vertical="center" wrapText="1"/>
    </xf>
    <xf numFmtId="49" fontId="5" fillId="3" borderId="15" xfId="0" applyNumberFormat="1" applyFont="1" applyFill="1" applyBorder="1" applyAlignment="1">
      <alignment horizontal="center" vertical="center" wrapText="1"/>
    </xf>
    <xf numFmtId="0" fontId="5" fillId="3" borderId="16" xfId="0" applyFont="1" applyFill="1" applyBorder="1" applyAlignment="1">
      <alignment horizontal="center" vertical="center" wrapText="1"/>
    </xf>
    <xf numFmtId="166" fontId="5" fillId="3" borderId="17" xfId="0" applyNumberFormat="1" applyFont="1" applyFill="1" applyBorder="1" applyAlignment="1">
      <alignment horizontal="center" vertical="center" wrapText="1"/>
    </xf>
    <xf numFmtId="166" fontId="5" fillId="3" borderId="18" xfId="0" applyNumberFormat="1" applyFont="1" applyFill="1" applyBorder="1" applyAlignment="1">
      <alignment horizontal="center" vertical="center" wrapText="1"/>
    </xf>
    <xf numFmtId="49" fontId="5" fillId="3" borderId="19" xfId="0" applyNumberFormat="1" applyFont="1" applyFill="1" applyBorder="1" applyAlignment="1">
      <alignment horizontal="center" vertical="center" wrapText="1"/>
    </xf>
    <xf numFmtId="0" fontId="5" fillId="3" borderId="20" xfId="0" applyFont="1" applyFill="1" applyBorder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11" fillId="0" borderId="0" xfId="0" applyFont="1" applyAlignment="1">
      <alignment horizontal="right" vertical="center" wrapText="1"/>
    </xf>
    <xf numFmtId="0" fontId="4" fillId="0" borderId="0" xfId="0" applyFont="1" applyAlignment="1">
      <alignment horizontal="right" vertical="center" wrapText="1"/>
    </xf>
    <xf numFmtId="0" fontId="0" fillId="0" borderId="0" xfId="0" applyAlignment="1">
      <alignment vertical="center" wrapText="1"/>
    </xf>
  </cellXfs>
  <cellStyles count="2">
    <cellStyle name="Обычный" xfId="0" builtinId="0"/>
    <cellStyle name="Финансовый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68C79A-5D55-4699-91C3-CF66A1EF96AA}">
  <sheetPr>
    <pageSetUpPr fitToPage="1"/>
  </sheetPr>
  <dimension ref="A1:F60"/>
  <sheetViews>
    <sheetView tabSelected="1" zoomScale="75" zoomScaleNormal="75" workbookViewId="0">
      <selection activeCell="J51" sqref="J51"/>
    </sheetView>
  </sheetViews>
  <sheetFormatPr defaultRowHeight="15.75" x14ac:dyDescent="0.2"/>
  <cols>
    <col min="1" max="1" width="86.28515625" style="1" customWidth="1"/>
    <col min="2" max="2" width="6" style="2" customWidth="1"/>
    <col min="3" max="3" width="6.28515625" style="2" customWidth="1"/>
    <col min="4" max="4" width="17.28515625" style="1" customWidth="1"/>
    <col min="5" max="6" width="17" style="1" customWidth="1"/>
    <col min="7" max="7" width="16.7109375" style="1" customWidth="1"/>
    <col min="8" max="16384" width="9.140625" style="1"/>
  </cols>
  <sheetData>
    <row r="1" spans="1:6" ht="15.75" customHeight="1" x14ac:dyDescent="0.2">
      <c r="A1" s="7"/>
      <c r="B1" s="7"/>
      <c r="C1" s="7"/>
      <c r="D1" s="7"/>
      <c r="E1" s="46" t="s">
        <v>72</v>
      </c>
      <c r="F1" s="46"/>
    </row>
    <row r="2" spans="1:6" ht="15.75" customHeight="1" x14ac:dyDescent="0.2">
      <c r="A2" s="7"/>
      <c r="B2" s="7"/>
      <c r="C2" s="7"/>
      <c r="D2" s="7"/>
      <c r="E2" s="46" t="s">
        <v>71</v>
      </c>
      <c r="F2" s="46"/>
    </row>
    <row r="3" spans="1:6" ht="15.75" customHeight="1" x14ac:dyDescent="0.2">
      <c r="A3" s="7"/>
      <c r="B3" s="7"/>
      <c r="C3" s="7"/>
      <c r="D3" s="7"/>
      <c r="E3" s="46" t="s">
        <v>70</v>
      </c>
      <c r="F3" s="46"/>
    </row>
    <row r="4" spans="1:6" s="43" customFormat="1" ht="15" customHeight="1" x14ac:dyDescent="0.2">
      <c r="A4" s="44"/>
      <c r="B4" s="7"/>
      <c r="C4" s="7"/>
      <c r="D4" s="7"/>
      <c r="E4" s="46" t="s">
        <v>69</v>
      </c>
      <c r="F4" s="46"/>
    </row>
    <row r="5" spans="1:6" s="43" customFormat="1" ht="14.45" customHeight="1" x14ac:dyDescent="0.2">
      <c r="A5" s="7"/>
      <c r="B5" s="47"/>
      <c r="C5" s="47"/>
      <c r="D5" s="47"/>
      <c r="E5" s="46" t="s">
        <v>68</v>
      </c>
      <c r="F5" s="46"/>
    </row>
    <row r="6" spans="1:6" s="43" customFormat="1" ht="18.75" customHeight="1" x14ac:dyDescent="0.2">
      <c r="A6" s="45"/>
      <c r="B6" s="45"/>
      <c r="C6" s="45"/>
      <c r="D6" s="45"/>
      <c r="E6" s="44"/>
      <c r="F6" s="44"/>
    </row>
    <row r="7" spans="1:6" ht="45.6" customHeight="1" x14ac:dyDescent="0.2">
      <c r="A7" s="42" t="s">
        <v>67</v>
      </c>
      <c r="B7" s="42"/>
      <c r="C7" s="42"/>
      <c r="D7" s="42"/>
      <c r="E7" s="42"/>
      <c r="F7" s="42"/>
    </row>
    <row r="8" spans="1:6" ht="16.5" thickBot="1" x14ac:dyDescent="0.25">
      <c r="A8" s="41"/>
      <c r="B8" s="41"/>
      <c r="C8" s="41"/>
      <c r="D8" s="41"/>
      <c r="E8" s="41"/>
      <c r="F8" s="41"/>
    </row>
    <row r="9" spans="1:6" s="2" customFormat="1" ht="21.75" customHeight="1" x14ac:dyDescent="0.2">
      <c r="A9" s="40" t="s">
        <v>66</v>
      </c>
      <c r="B9" s="39" t="s">
        <v>65</v>
      </c>
      <c r="C9" s="39" t="s">
        <v>64</v>
      </c>
      <c r="D9" s="38" t="s">
        <v>63</v>
      </c>
      <c r="E9" s="38"/>
      <c r="F9" s="37"/>
    </row>
    <row r="10" spans="1:6" s="2" customFormat="1" ht="21.75" customHeight="1" thickBot="1" x14ac:dyDescent="0.25">
      <c r="A10" s="36"/>
      <c r="B10" s="35"/>
      <c r="C10" s="35"/>
      <c r="D10" s="34" t="s">
        <v>62</v>
      </c>
      <c r="E10" s="34" t="s">
        <v>61</v>
      </c>
      <c r="F10" s="33" t="s">
        <v>60</v>
      </c>
    </row>
    <row r="11" spans="1:6" s="29" customFormat="1" ht="16.5" thickBot="1" x14ac:dyDescent="0.25">
      <c r="A11" s="32" t="s">
        <v>59</v>
      </c>
      <c r="B11" s="31" t="s">
        <v>58</v>
      </c>
      <c r="C11" s="31" t="s">
        <v>57</v>
      </c>
      <c r="D11" s="31">
        <v>4</v>
      </c>
      <c r="E11" s="31">
        <v>5</v>
      </c>
      <c r="F11" s="30">
        <v>6</v>
      </c>
    </row>
    <row r="12" spans="1:6" x14ac:dyDescent="0.2">
      <c r="A12" s="28" t="s">
        <v>56</v>
      </c>
      <c r="B12" s="27" t="s">
        <v>6</v>
      </c>
      <c r="C12" s="27" t="s">
        <v>0</v>
      </c>
      <c r="D12" s="26">
        <v>190513577.38999999</v>
      </c>
      <c r="E12" s="26">
        <v>176512699</v>
      </c>
      <c r="F12" s="25">
        <v>160030318</v>
      </c>
    </row>
    <row r="13" spans="1:6" ht="31.5" x14ac:dyDescent="0.2">
      <c r="A13" s="20" t="s">
        <v>55</v>
      </c>
      <c r="B13" s="19" t="s">
        <v>6</v>
      </c>
      <c r="C13" s="19" t="s">
        <v>32</v>
      </c>
      <c r="D13" s="18">
        <v>5422839</v>
      </c>
      <c r="E13" s="18">
        <v>5542611</v>
      </c>
      <c r="F13" s="17">
        <v>5542611</v>
      </c>
    </row>
    <row r="14" spans="1:6" s="16" customFormat="1" ht="31.5" x14ac:dyDescent="0.2">
      <c r="A14" s="20" t="s">
        <v>54</v>
      </c>
      <c r="B14" s="19" t="s">
        <v>6</v>
      </c>
      <c r="C14" s="19" t="s">
        <v>3</v>
      </c>
      <c r="D14" s="18">
        <v>358000</v>
      </c>
      <c r="E14" s="18">
        <v>358000</v>
      </c>
      <c r="F14" s="17">
        <v>358000</v>
      </c>
    </row>
    <row r="15" spans="1:6" s="16" customFormat="1" ht="47.25" x14ac:dyDescent="0.2">
      <c r="A15" s="20" t="s">
        <v>53</v>
      </c>
      <c r="B15" s="19" t="s">
        <v>6</v>
      </c>
      <c r="C15" s="19" t="s">
        <v>18</v>
      </c>
      <c r="D15" s="18">
        <v>117035776.15000001</v>
      </c>
      <c r="E15" s="18">
        <v>123088583</v>
      </c>
      <c r="F15" s="17">
        <v>116298202</v>
      </c>
    </row>
    <row r="16" spans="1:6" s="16" customFormat="1" ht="31.5" x14ac:dyDescent="0.2">
      <c r="A16" s="20" t="s">
        <v>52</v>
      </c>
      <c r="B16" s="19" t="s">
        <v>6</v>
      </c>
      <c r="C16" s="19" t="s">
        <v>51</v>
      </c>
      <c r="D16" s="18">
        <v>21313332</v>
      </c>
      <c r="E16" s="18">
        <v>16585000</v>
      </c>
      <c r="F16" s="17">
        <v>15500000</v>
      </c>
    </row>
    <row r="17" spans="1:6" s="16" customFormat="1" x14ac:dyDescent="0.2">
      <c r="A17" s="20" t="s">
        <v>50</v>
      </c>
      <c r="B17" s="19" t="s">
        <v>6</v>
      </c>
      <c r="C17" s="19" t="s">
        <v>13</v>
      </c>
      <c r="D17" s="18">
        <v>500000</v>
      </c>
      <c r="E17" s="18">
        <v>500000</v>
      </c>
      <c r="F17" s="17">
        <v>500000</v>
      </c>
    </row>
    <row r="18" spans="1:6" s="16" customFormat="1" x14ac:dyDescent="0.2">
      <c r="A18" s="20" t="s">
        <v>49</v>
      </c>
      <c r="B18" s="19" t="s">
        <v>6</v>
      </c>
      <c r="C18" s="19" t="s">
        <v>9</v>
      </c>
      <c r="D18" s="18">
        <v>45883630.240000002</v>
      </c>
      <c r="E18" s="18">
        <v>30438505</v>
      </c>
      <c r="F18" s="17">
        <v>21831505</v>
      </c>
    </row>
    <row r="19" spans="1:6" s="16" customFormat="1" ht="33" customHeight="1" x14ac:dyDescent="0.2">
      <c r="A19" s="24" t="s">
        <v>48</v>
      </c>
      <c r="B19" s="23" t="s">
        <v>3</v>
      </c>
      <c r="C19" s="23" t="s">
        <v>0</v>
      </c>
      <c r="D19" s="22">
        <v>1430000</v>
      </c>
      <c r="E19" s="22" t="s">
        <v>0</v>
      </c>
      <c r="F19" s="21" t="s">
        <v>0</v>
      </c>
    </row>
    <row r="20" spans="1:6" s="16" customFormat="1" x14ac:dyDescent="0.2">
      <c r="A20" s="20" t="s">
        <v>47</v>
      </c>
      <c r="B20" s="19" t="s">
        <v>3</v>
      </c>
      <c r="C20" s="19" t="s">
        <v>28</v>
      </c>
      <c r="D20" s="18">
        <v>50000</v>
      </c>
      <c r="E20" s="18" t="s">
        <v>0</v>
      </c>
      <c r="F20" s="17" t="s">
        <v>0</v>
      </c>
    </row>
    <row r="21" spans="1:6" s="16" customFormat="1" ht="31.5" x14ac:dyDescent="0.2">
      <c r="A21" s="20" t="s">
        <v>46</v>
      </c>
      <c r="B21" s="19" t="s">
        <v>3</v>
      </c>
      <c r="C21" s="19" t="s">
        <v>19</v>
      </c>
      <c r="D21" s="18">
        <v>460000</v>
      </c>
      <c r="E21" s="18" t="s">
        <v>0</v>
      </c>
      <c r="F21" s="17" t="s">
        <v>0</v>
      </c>
    </row>
    <row r="22" spans="1:6" ht="31.5" x14ac:dyDescent="0.2">
      <c r="A22" s="20" t="s">
        <v>45</v>
      </c>
      <c r="B22" s="19" t="s">
        <v>3</v>
      </c>
      <c r="C22" s="19" t="s">
        <v>4</v>
      </c>
      <c r="D22" s="18">
        <v>920000</v>
      </c>
      <c r="E22" s="18" t="s">
        <v>0</v>
      </c>
      <c r="F22" s="17" t="s">
        <v>0</v>
      </c>
    </row>
    <row r="23" spans="1:6" s="16" customFormat="1" x14ac:dyDescent="0.2">
      <c r="A23" s="24" t="s">
        <v>44</v>
      </c>
      <c r="B23" s="23" t="s">
        <v>18</v>
      </c>
      <c r="C23" s="23" t="s">
        <v>0</v>
      </c>
      <c r="D23" s="22">
        <v>56926888.210000001</v>
      </c>
      <c r="E23" s="22">
        <v>63370018.210000001</v>
      </c>
      <c r="F23" s="21">
        <v>63447558.210000001</v>
      </c>
    </row>
    <row r="24" spans="1:6" s="16" customFormat="1" x14ac:dyDescent="0.2">
      <c r="A24" s="20" t="s">
        <v>43</v>
      </c>
      <c r="B24" s="19" t="s">
        <v>18</v>
      </c>
      <c r="C24" s="19" t="s">
        <v>12</v>
      </c>
      <c r="D24" s="18">
        <v>369500</v>
      </c>
      <c r="E24" s="18" t="s">
        <v>0</v>
      </c>
      <c r="F24" s="17" t="s">
        <v>0</v>
      </c>
    </row>
    <row r="25" spans="1:6" s="16" customFormat="1" x14ac:dyDescent="0.2">
      <c r="A25" s="20" t="s">
        <v>42</v>
      </c>
      <c r="B25" s="19" t="s">
        <v>18</v>
      </c>
      <c r="C25" s="19" t="s">
        <v>24</v>
      </c>
      <c r="D25" s="18">
        <v>6500000</v>
      </c>
      <c r="E25" s="18">
        <v>6500000</v>
      </c>
      <c r="F25" s="17">
        <v>6500000</v>
      </c>
    </row>
    <row r="26" spans="1:6" s="16" customFormat="1" x14ac:dyDescent="0.2">
      <c r="A26" s="20" t="s">
        <v>41</v>
      </c>
      <c r="B26" s="19" t="s">
        <v>18</v>
      </c>
      <c r="C26" s="19" t="s">
        <v>28</v>
      </c>
      <c r="D26" s="18">
        <v>36382012.130000003</v>
      </c>
      <c r="E26" s="18">
        <v>43724642.130000003</v>
      </c>
      <c r="F26" s="17">
        <v>43802182.130000003</v>
      </c>
    </row>
    <row r="27" spans="1:6" x14ac:dyDescent="0.2">
      <c r="A27" s="20" t="s">
        <v>40</v>
      </c>
      <c r="B27" s="19" t="s">
        <v>18</v>
      </c>
      <c r="C27" s="19" t="s">
        <v>39</v>
      </c>
      <c r="D27" s="18">
        <v>13675376.08</v>
      </c>
      <c r="E27" s="18">
        <v>13145376.08</v>
      </c>
      <c r="F27" s="17">
        <v>13145376.08</v>
      </c>
    </row>
    <row r="28" spans="1:6" s="16" customFormat="1" x14ac:dyDescent="0.2">
      <c r="A28" s="24" t="s">
        <v>38</v>
      </c>
      <c r="B28" s="23" t="s">
        <v>12</v>
      </c>
      <c r="C28" s="23" t="s">
        <v>0</v>
      </c>
      <c r="D28" s="22">
        <v>6008319</v>
      </c>
      <c r="E28" s="22">
        <v>2917419</v>
      </c>
      <c r="F28" s="21">
        <v>2905186</v>
      </c>
    </row>
    <row r="29" spans="1:6" s="16" customFormat="1" x14ac:dyDescent="0.2">
      <c r="A29" s="20" t="s">
        <v>37</v>
      </c>
      <c r="B29" s="19" t="s">
        <v>12</v>
      </c>
      <c r="C29" s="19" t="s">
        <v>6</v>
      </c>
      <c r="D29" s="18">
        <v>5045000</v>
      </c>
      <c r="E29" s="18">
        <v>2000000</v>
      </c>
      <c r="F29" s="17">
        <v>2000000</v>
      </c>
    </row>
    <row r="30" spans="1:6" s="16" customFormat="1" x14ac:dyDescent="0.2">
      <c r="A30" s="20" t="s">
        <v>36</v>
      </c>
      <c r="B30" s="19" t="s">
        <v>12</v>
      </c>
      <c r="C30" s="19" t="s">
        <v>3</v>
      </c>
      <c r="D30" s="18">
        <v>963319</v>
      </c>
      <c r="E30" s="18">
        <v>917419</v>
      </c>
      <c r="F30" s="17">
        <v>905186</v>
      </c>
    </row>
    <row r="31" spans="1:6" x14ac:dyDescent="0.2">
      <c r="A31" s="24" t="s">
        <v>35</v>
      </c>
      <c r="B31" s="23" t="s">
        <v>29</v>
      </c>
      <c r="C31" s="23" t="s">
        <v>0</v>
      </c>
      <c r="D31" s="22">
        <v>798466276</v>
      </c>
      <c r="E31" s="22">
        <v>792153458</v>
      </c>
      <c r="F31" s="21">
        <v>785680391</v>
      </c>
    </row>
    <row r="32" spans="1:6" s="16" customFormat="1" x14ac:dyDescent="0.2">
      <c r="A32" s="20" t="s">
        <v>34</v>
      </c>
      <c r="B32" s="19" t="s">
        <v>29</v>
      </c>
      <c r="C32" s="19" t="s">
        <v>6</v>
      </c>
      <c r="D32" s="18">
        <v>148588556.25</v>
      </c>
      <c r="E32" s="18">
        <v>145688721.44999999</v>
      </c>
      <c r="F32" s="17">
        <v>145358721.44999999</v>
      </c>
    </row>
    <row r="33" spans="1:6" s="16" customFormat="1" x14ac:dyDescent="0.2">
      <c r="A33" s="20" t="s">
        <v>33</v>
      </c>
      <c r="B33" s="19" t="s">
        <v>29</v>
      </c>
      <c r="C33" s="19" t="s">
        <v>32</v>
      </c>
      <c r="D33" s="18">
        <v>565104663.75</v>
      </c>
      <c r="E33" s="18">
        <v>556723868.54999995</v>
      </c>
      <c r="F33" s="17">
        <v>552053148.54999995</v>
      </c>
    </row>
    <row r="34" spans="1:6" s="16" customFormat="1" x14ac:dyDescent="0.2">
      <c r="A34" s="20" t="s">
        <v>31</v>
      </c>
      <c r="B34" s="19" t="s">
        <v>29</v>
      </c>
      <c r="C34" s="19" t="s">
        <v>3</v>
      </c>
      <c r="D34" s="18">
        <v>51612096</v>
      </c>
      <c r="E34" s="18">
        <v>53988398</v>
      </c>
      <c r="F34" s="17">
        <v>53823331</v>
      </c>
    </row>
    <row r="35" spans="1:6" s="16" customFormat="1" x14ac:dyDescent="0.2">
      <c r="A35" s="20" t="s">
        <v>30</v>
      </c>
      <c r="B35" s="19" t="s">
        <v>29</v>
      </c>
      <c r="C35" s="19" t="s">
        <v>28</v>
      </c>
      <c r="D35" s="18">
        <v>33160960</v>
      </c>
      <c r="E35" s="18">
        <v>35752470</v>
      </c>
      <c r="F35" s="17">
        <v>34445190</v>
      </c>
    </row>
    <row r="36" spans="1:6" s="16" customFormat="1" x14ac:dyDescent="0.2">
      <c r="A36" s="24" t="s">
        <v>27</v>
      </c>
      <c r="B36" s="23" t="s">
        <v>24</v>
      </c>
      <c r="C36" s="23" t="s">
        <v>0</v>
      </c>
      <c r="D36" s="22">
        <v>179857305</v>
      </c>
      <c r="E36" s="22">
        <v>183804833</v>
      </c>
      <c r="F36" s="21">
        <v>181677900</v>
      </c>
    </row>
    <row r="37" spans="1:6" s="16" customFormat="1" x14ac:dyDescent="0.2">
      <c r="A37" s="20" t="s">
        <v>26</v>
      </c>
      <c r="B37" s="19" t="s">
        <v>24</v>
      </c>
      <c r="C37" s="19" t="s">
        <v>6</v>
      </c>
      <c r="D37" s="18">
        <v>133171263</v>
      </c>
      <c r="E37" s="18">
        <v>134572410</v>
      </c>
      <c r="F37" s="17">
        <v>132792000</v>
      </c>
    </row>
    <row r="38" spans="1:6" s="16" customFormat="1" x14ac:dyDescent="0.2">
      <c r="A38" s="20" t="s">
        <v>25</v>
      </c>
      <c r="B38" s="19" t="s">
        <v>24</v>
      </c>
      <c r="C38" s="19" t="s">
        <v>18</v>
      </c>
      <c r="D38" s="18">
        <v>46686042</v>
      </c>
      <c r="E38" s="18">
        <v>49232423</v>
      </c>
      <c r="F38" s="17">
        <v>48885900</v>
      </c>
    </row>
    <row r="39" spans="1:6" s="16" customFormat="1" x14ac:dyDescent="0.2">
      <c r="A39" s="24" t="s">
        <v>23</v>
      </c>
      <c r="B39" s="23" t="s">
        <v>19</v>
      </c>
      <c r="C39" s="23" t="s">
        <v>0</v>
      </c>
      <c r="D39" s="22">
        <v>32606053</v>
      </c>
      <c r="E39" s="22">
        <v>32706053</v>
      </c>
      <c r="F39" s="21">
        <v>32906053</v>
      </c>
    </row>
    <row r="40" spans="1:6" s="16" customFormat="1" x14ac:dyDescent="0.2">
      <c r="A40" s="20" t="s">
        <v>22</v>
      </c>
      <c r="B40" s="19" t="s">
        <v>19</v>
      </c>
      <c r="C40" s="19" t="s">
        <v>6</v>
      </c>
      <c r="D40" s="18">
        <v>9322100</v>
      </c>
      <c r="E40" s="18">
        <v>9322100</v>
      </c>
      <c r="F40" s="17">
        <v>9322100</v>
      </c>
    </row>
    <row r="41" spans="1:6" s="16" customFormat="1" x14ac:dyDescent="0.2">
      <c r="A41" s="20" t="s">
        <v>21</v>
      </c>
      <c r="B41" s="19" t="s">
        <v>19</v>
      </c>
      <c r="C41" s="19" t="s">
        <v>3</v>
      </c>
      <c r="D41" s="18">
        <v>8600000</v>
      </c>
      <c r="E41" s="18">
        <v>8600000</v>
      </c>
      <c r="F41" s="17">
        <v>8600000</v>
      </c>
    </row>
    <row r="42" spans="1:6" s="16" customFormat="1" x14ac:dyDescent="0.2">
      <c r="A42" s="20" t="s">
        <v>20</v>
      </c>
      <c r="B42" s="19" t="s">
        <v>19</v>
      </c>
      <c r="C42" s="19" t="s">
        <v>18</v>
      </c>
      <c r="D42" s="18">
        <v>14683953</v>
      </c>
      <c r="E42" s="18">
        <v>14783953</v>
      </c>
      <c r="F42" s="17">
        <v>14983953</v>
      </c>
    </row>
    <row r="43" spans="1:6" s="16" customFormat="1" x14ac:dyDescent="0.2">
      <c r="A43" s="24" t="s">
        <v>17</v>
      </c>
      <c r="B43" s="23" t="s">
        <v>13</v>
      </c>
      <c r="C43" s="23" t="s">
        <v>0</v>
      </c>
      <c r="D43" s="22">
        <v>76516820</v>
      </c>
      <c r="E43" s="22">
        <v>77836020</v>
      </c>
      <c r="F43" s="21">
        <v>76001420</v>
      </c>
    </row>
    <row r="44" spans="1:6" s="16" customFormat="1" x14ac:dyDescent="0.2">
      <c r="A44" s="20" t="s">
        <v>16</v>
      </c>
      <c r="B44" s="19" t="s">
        <v>13</v>
      </c>
      <c r="C44" s="19" t="s">
        <v>6</v>
      </c>
      <c r="D44" s="18">
        <v>25067850</v>
      </c>
      <c r="E44" s="18">
        <v>25820053.68</v>
      </c>
      <c r="F44" s="17">
        <v>25321488.969999999</v>
      </c>
    </row>
    <row r="45" spans="1:6" s="16" customFormat="1" x14ac:dyDescent="0.2">
      <c r="A45" s="20" t="s">
        <v>15</v>
      </c>
      <c r="B45" s="19" t="s">
        <v>13</v>
      </c>
      <c r="C45" s="19" t="s">
        <v>3</v>
      </c>
      <c r="D45" s="18">
        <v>38611130.350000001</v>
      </c>
      <c r="E45" s="18">
        <v>38826555.710000001</v>
      </c>
      <c r="F45" s="17">
        <v>38126555.710000001</v>
      </c>
    </row>
    <row r="46" spans="1:6" s="16" customFormat="1" x14ac:dyDescent="0.2">
      <c r="A46" s="20" t="s">
        <v>14</v>
      </c>
      <c r="B46" s="19" t="s">
        <v>13</v>
      </c>
      <c r="C46" s="19" t="s">
        <v>12</v>
      </c>
      <c r="D46" s="18">
        <v>12837839.65</v>
      </c>
      <c r="E46" s="18">
        <v>13189410.609999999</v>
      </c>
      <c r="F46" s="17">
        <v>12553375.32</v>
      </c>
    </row>
    <row r="47" spans="1:6" s="16" customFormat="1" x14ac:dyDescent="0.2">
      <c r="A47" s="24" t="s">
        <v>11</v>
      </c>
      <c r="B47" s="23" t="s">
        <v>9</v>
      </c>
      <c r="C47" s="23" t="s">
        <v>0</v>
      </c>
      <c r="D47" s="22">
        <v>50000</v>
      </c>
      <c r="E47" s="22">
        <v>25000</v>
      </c>
      <c r="F47" s="21" t="s">
        <v>0</v>
      </c>
    </row>
    <row r="48" spans="1:6" s="16" customFormat="1" x14ac:dyDescent="0.2">
      <c r="A48" s="20" t="s">
        <v>10</v>
      </c>
      <c r="B48" s="19" t="s">
        <v>9</v>
      </c>
      <c r="C48" s="19" t="s">
        <v>6</v>
      </c>
      <c r="D48" s="18">
        <v>50000</v>
      </c>
      <c r="E48" s="18">
        <v>25000</v>
      </c>
      <c r="F48" s="17" t="s">
        <v>0</v>
      </c>
    </row>
    <row r="49" spans="1:6" s="16" customFormat="1" ht="31.5" x14ac:dyDescent="0.2">
      <c r="A49" s="24" t="s">
        <v>8</v>
      </c>
      <c r="B49" s="23" t="s">
        <v>4</v>
      </c>
      <c r="C49" s="23" t="s">
        <v>0</v>
      </c>
      <c r="D49" s="22">
        <v>104580126</v>
      </c>
      <c r="E49" s="22">
        <v>58918600</v>
      </c>
      <c r="F49" s="21">
        <v>45879500</v>
      </c>
    </row>
    <row r="50" spans="1:6" ht="31.5" x14ac:dyDescent="0.2">
      <c r="A50" s="20" t="s">
        <v>7</v>
      </c>
      <c r="B50" s="19" t="s">
        <v>4</v>
      </c>
      <c r="C50" s="19" t="s">
        <v>6</v>
      </c>
      <c r="D50" s="18">
        <v>28814100</v>
      </c>
      <c r="E50" s="18">
        <v>13187500</v>
      </c>
      <c r="F50" s="17">
        <v>13189500</v>
      </c>
    </row>
    <row r="51" spans="1:6" s="16" customFormat="1" x14ac:dyDescent="0.2">
      <c r="A51" s="20" t="s">
        <v>5</v>
      </c>
      <c r="B51" s="19" t="s">
        <v>4</v>
      </c>
      <c r="C51" s="19" t="s">
        <v>3</v>
      </c>
      <c r="D51" s="18">
        <v>75766026</v>
      </c>
      <c r="E51" s="18">
        <v>45731100</v>
      </c>
      <c r="F51" s="17">
        <v>32690000</v>
      </c>
    </row>
    <row r="52" spans="1:6" s="7" customFormat="1" ht="16.5" thickBot="1" x14ac:dyDescent="0.25">
      <c r="A52" s="15" t="s">
        <v>2</v>
      </c>
      <c r="B52" s="14"/>
      <c r="C52" s="14"/>
      <c r="D52" s="13">
        <v>0</v>
      </c>
      <c r="E52" s="13">
        <v>15300000</v>
      </c>
      <c r="F52" s="12">
        <v>27100000</v>
      </c>
    </row>
    <row r="53" spans="1:6" s="7" customFormat="1" ht="16.5" thickBot="1" x14ac:dyDescent="0.25">
      <c r="A53" s="11" t="s">
        <v>1</v>
      </c>
      <c r="B53" s="10" t="s">
        <v>0</v>
      </c>
      <c r="C53" s="10" t="s">
        <v>0</v>
      </c>
      <c r="D53" s="9">
        <v>1446955364.5999999</v>
      </c>
      <c r="E53" s="9">
        <v>1403544100.21</v>
      </c>
      <c r="F53" s="8">
        <v>1375628326.21</v>
      </c>
    </row>
    <row r="54" spans="1:6" x14ac:dyDescent="0.2">
      <c r="D54" s="6"/>
      <c r="E54" s="6"/>
      <c r="F54" s="6"/>
    </row>
    <row r="55" spans="1:6" x14ac:dyDescent="0.2">
      <c r="D55" s="5"/>
      <c r="E55" s="5"/>
      <c r="F55" s="5"/>
    </row>
    <row r="56" spans="1:6" x14ac:dyDescent="0.2">
      <c r="E56" s="3"/>
      <c r="F56" s="3"/>
    </row>
    <row r="58" spans="1:6" x14ac:dyDescent="0.2">
      <c r="D58" s="4"/>
      <c r="E58" s="4"/>
      <c r="F58" s="4"/>
    </row>
    <row r="60" spans="1:6" x14ac:dyDescent="0.2">
      <c r="D60" s="3"/>
      <c r="E60" s="3"/>
      <c r="F60" s="3"/>
    </row>
  </sheetData>
  <autoFilter ref="A10:F10" xr:uid="{93B57639-0A83-4DAE-A738-130C43F6D89E}"/>
  <mergeCells count="11">
    <mergeCell ref="E1:F1"/>
    <mergeCell ref="E2:F2"/>
    <mergeCell ref="E3:F3"/>
    <mergeCell ref="E4:F4"/>
    <mergeCell ref="E5:F5"/>
    <mergeCell ref="A6:D6"/>
    <mergeCell ref="A9:A10"/>
    <mergeCell ref="B9:B10"/>
    <mergeCell ref="C9:C10"/>
    <mergeCell ref="D9:F9"/>
    <mergeCell ref="A7:F7"/>
  </mergeCells>
  <pageMargins left="0.70866141732283472" right="0.70866141732283472" top="0.74803149606299213" bottom="0.74803149606299213" header="0.31496062992125984" footer="0.31496062992125984"/>
  <pageSetup paperSize="9" scale="5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2 РзПр 2026-2028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7</dc:creator>
  <cp:lastModifiedBy>i7</cp:lastModifiedBy>
  <dcterms:created xsi:type="dcterms:W3CDTF">2025-12-10T08:13:35Z</dcterms:created>
  <dcterms:modified xsi:type="dcterms:W3CDTF">2025-12-10T08:13:54Z</dcterms:modified>
</cp:coreProperties>
</file>